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50" d="100"/>
          <a:sy n="150" d="100"/>
        </p:scale>
        <p:origin x="702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3C50D9-4C9B-4E84-9F71-EC5405D6B39E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C9480A9-FEB0-4586-AF8A-E78C949A98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458491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525E9-16F2-2B8F-2913-F572AD61039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FA1B1E-E68B-C9D2-A3E4-3CF267DB3E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CE47F7-0008-6613-E756-4DF5D89417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28EF1D-D1FE-EB06-8F1A-16A8FE3F3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9E4C38-0BBD-E387-7A9D-07C2C16DF9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559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BB9016-8516-459E-7A58-0BBDEC8674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6BAB8F-78D3-F33A-799A-F0A666DB5FD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146C0-1221-04D2-690A-C71DAB4A20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50053D-C119-1F87-C28E-9FE78DF64C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685A33-BD2C-60EB-6C28-D5D9D61898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2715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6203CAD-04FB-0846-F7FB-8CC1D187C2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872E7F-2BFB-DB50-D3BA-6B9A74F0F0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B2AF3F-7CCE-812C-D2E1-E26BA2906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28E4EC-243A-BB9D-30CD-C220C06056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C41F3B-36DA-7AC4-94C7-F66A56C1D4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2832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A481BD-2E02-C4C5-AFB0-231E2B7151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61E4D8-BD42-6158-7196-CD77B0C827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0EF601-FC7B-AAFD-32D1-E174A8F9C2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AF6A87-F7AF-66A9-F67D-CC7CC1688B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5C19BF-0302-F14E-4D26-23DB6E4589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1477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041BB6-5F27-F672-6A57-D221E89A3D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123C1B-701D-6CD7-9AB8-C9325ADECE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3F6EC6-62A5-1376-8AC5-4A0FE3412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0C6710-C7A6-D6E3-5F49-88C3CA2E74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6336D6-B8A6-689F-EF28-A760EC54C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661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CEE73D-6ECE-6B34-CD6F-26F8F660AB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9C9C6C-33C8-C28E-AAE7-D47BDB9479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944B494-953A-90B6-8854-23E56E9E5F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F948E4-2219-C9E5-6D7E-4C6ADE816D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A109BE-2BAB-2CA9-DAB1-F1A0262914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97E991A-EE1D-F6AA-45B4-3A67E0CFA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6520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682C8-D699-CE71-64F3-EB9F6805A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81773E-6E8D-6130-4B3C-C4D464CCF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E31B653-0A70-C08B-554C-8591125C14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C7D2A9-CE0B-19A7-DA0A-10D645D75B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AE8D41-B88D-8B14-9FB4-9DC286C1B7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8433BE6-A5FF-EA87-F4E6-20C5233D4E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2997A5-6699-170A-3158-D7D8DE5E39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4BF5D9-98A7-B469-8D46-23543677F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948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75BC81-75BD-3EE1-C733-42CA9FD6B5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1FAA1FA-0AE2-4247-987F-03A1CCE0E4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09EC80-73A0-6D56-0DA7-A055A9D8B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0E6EC36-F361-2033-FB24-0842C3F228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96899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4341E6D-FC5C-B8D9-22AB-B5659CD987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C298BD6-E599-EB07-7519-B1DD158C4D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46277B-0C80-47E3-1063-65366CE58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7385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330E9F-854E-7BEC-C7B4-97DB51A10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859AD9-D7A4-9D5A-12BD-585F2267EE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B2EC08-3D54-0B14-EC1A-133B129B030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EAD98E-11D9-F53D-5EFE-993408E8C2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94DA541-6190-D987-B0D0-2977602295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4C0255-FBC0-A994-1CD9-5B59A024D9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8839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178E82-6E3B-2DB5-AF92-CBEAFDD5E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564BAD9-9E29-B3FF-E6C0-43BA9035043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4C5157-3625-7D90-4EF2-AEFAFC7FA7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9275CF-3312-0348-11B2-7F43A3E1FD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DD93F3-6A1B-AF90-9CF1-1C949D23F9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6BC48F-B13D-5D36-0B1D-4F5364171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97171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C204F2-C303-B4D6-E4D8-FACE8C0412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B17202-988C-DFB7-D548-962F05B856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FED29C-8376-1535-5081-20C867EDF55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4C06F59-82C3-46B0-8A51-6310DA794D89}" type="datetimeFigureOut">
              <a:rPr lang="en-US" smtClean="0"/>
              <a:t>12/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272FB0-DC54-27B7-0976-8A400B838E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392B20-EB0D-F613-E723-B1FACA44413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8732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751690E-95C7-352E-C8C6-3B7BBFFEC79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5278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A178CD2-7298-9439-9DCF-1F3B8AE262E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25278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C0504D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7" name="OTLSHAPE_M_2e0ebcb027d44e1e8d809703e215d8cb_Connector1">
            <a:extLst>
              <a:ext uri="{FF2B5EF4-FFF2-40B4-BE49-F238E27FC236}">
                <a16:creationId xmlns:a16="http://schemas.microsoft.com/office/drawing/2014/main" id="{E2505E8F-BD06-4ED7-8267-CC540FCDA2A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476548" y="1704830"/>
            <a:ext cx="0" cy="261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7aef3ec69c9c46e9bf1461e446eb9974_Connector1">
            <a:extLst>
              <a:ext uri="{FF2B5EF4-FFF2-40B4-BE49-F238E27FC236}">
                <a16:creationId xmlns:a16="http://schemas.microsoft.com/office/drawing/2014/main" id="{FCEF666C-7A87-8CCC-ABE0-B50687F7772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151859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4fa236a2e26f429a8e76dfaaaa827247_Connector1">
            <a:extLst>
              <a:ext uri="{FF2B5EF4-FFF2-40B4-BE49-F238E27FC236}">
                <a16:creationId xmlns:a16="http://schemas.microsoft.com/office/drawing/2014/main" id="{E2C0CA0D-2057-2205-6DD1-37C952E0A2B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192257" y="1321375"/>
            <a:ext cx="0" cy="645033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a5481202fa924bcc96ea3e71b225b393_Connector1">
            <a:extLst>
              <a:ext uri="{FF2B5EF4-FFF2-40B4-BE49-F238E27FC236}">
                <a16:creationId xmlns:a16="http://schemas.microsoft.com/office/drawing/2014/main" id="{2E186AB0-C51B-E83B-25F5-BB6802F508C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885856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4fa236a2e26f429a8e76dfaaaa827247_Connector2">
            <a:extLst>
              <a:ext uri="{FF2B5EF4-FFF2-40B4-BE49-F238E27FC236}">
                <a16:creationId xmlns:a16="http://schemas.microsoft.com/office/drawing/2014/main" id="{FA7FB532-C181-E751-34F3-5D0D803F757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192257" y="2121432"/>
            <a:ext cx="0" cy="35543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2e0ebcb027d44e1e8d809703e215d8cb_Connector2">
            <a:extLst>
              <a:ext uri="{FF2B5EF4-FFF2-40B4-BE49-F238E27FC236}">
                <a16:creationId xmlns:a16="http://schemas.microsoft.com/office/drawing/2014/main" id="{B673B69E-F352-F0A8-CCC2-40ABB42A16C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476548" y="2260963"/>
            <a:ext cx="0" cy="215900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ced69b590ab444dfab5c22732666d50a_Connector1">
            <a:extLst>
              <a:ext uri="{FF2B5EF4-FFF2-40B4-BE49-F238E27FC236}">
                <a16:creationId xmlns:a16="http://schemas.microsoft.com/office/drawing/2014/main" id="{157E5321-20F0-A240-C7B7-05DF8BEF526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539057" y="1704830"/>
            <a:ext cx="0" cy="772033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0c58045c54c5475d8a029408f8db9ba3_Connector1">
            <a:extLst>
              <a:ext uri="{FF2B5EF4-FFF2-40B4-BE49-F238E27FC236}">
                <a16:creationId xmlns:a16="http://schemas.microsoft.com/office/drawing/2014/main" id="{BC301A6B-EEC1-A928-F43F-F912BD04956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030663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5d6e238113242d1a12e2ae133af8e0c_Connector1">
            <a:extLst>
              <a:ext uri="{FF2B5EF4-FFF2-40B4-BE49-F238E27FC236}">
                <a16:creationId xmlns:a16="http://schemas.microsoft.com/office/drawing/2014/main" id="{002EA510-E607-DA43-077F-754B1CC6C2B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219690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75D7C37-6299-0371-8B9B-51E5D93A6E6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44465" y="247686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700B2"/>
              </a:gs>
              <a:gs pos="100000">
                <a:srgbClr val="7700B2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73C937F-5BAA-3681-821A-59AC4CBBFAB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2476863"/>
            <a:ext cx="46863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FE67C76-0D9B-50E6-A6BE-B820B1732DB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471958" y="2857863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9E029C-A696-9558-806A-26C33E0B81D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361244" y="2984863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7740F43-9400-D779-7112-722063F8E62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95265" y="25743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61B8489-7AAD-4517-E585-F4C270B388B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381549" y="257433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20A209-3250-F1E1-B6B1-D3CCB507F9C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917375" y="2574336"/>
            <a:ext cx="2478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9ED6093-CA3E-224B-1228-711DB03D871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403659" y="257433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2DB6301-FC73-4D17-F6E1-1506DC0600AA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939485" y="25743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0A44D10-2D16-2D01-F427-0388CFE95CB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475311" y="25743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12AD262E-5B86-5692-7E68-590D8B2EFE6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862509" y="25743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FA6057A-3337-5C7B-D61E-E3E7988F7DE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30748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833C9A60-E4D0-1BC3-AF8D-0DB59CA0331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866574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935EB21-E844-6A12-5734-94833595BA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352858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270C548-57CB-338E-D528-26B7E0C2655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888684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D26577C9-57CD-9ACB-F30F-53E31F480D80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24511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0BBA6F8-C753-3F2B-DFAA-BF6C7169A82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811708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0" name="OTLSHAPE_T_3e045161908d4d4d93beccef95b373a5_Shape">
            <a:extLst>
              <a:ext uri="{FF2B5EF4-FFF2-40B4-BE49-F238E27FC236}">
                <a16:creationId xmlns:a16="http://schemas.microsoft.com/office/drawing/2014/main" id="{72603BE3-EC6E-F559-DEB8-3D584EB4E2B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91265" y="3232116"/>
            <a:ext cx="2984500" cy="279400"/>
          </a:xfrm>
          <a:prstGeom prst="chevron">
            <a:avLst/>
          </a:prstGeom>
          <a:solidFill>
            <a:srgbClr val="9C007F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9" name="OTLSHAPE_T_1bee25ae6b7047ee9fa18c6be95ed6e2_Shape">
            <a:extLst>
              <a:ext uri="{FF2B5EF4-FFF2-40B4-BE49-F238E27FC236}">
                <a16:creationId xmlns:a16="http://schemas.microsoft.com/office/drawing/2014/main" id="{CE845062-8947-6875-52C5-BE31FDD7CB1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272062" y="3910862"/>
            <a:ext cx="2984500" cy="279400"/>
          </a:xfrm>
          <a:prstGeom prst="chevron">
            <a:avLst/>
          </a:prstGeom>
          <a:solidFill>
            <a:srgbClr val="FF388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0" name="OTLSHAPE_T_0b03ba46d22447fbbcff9005c7e8b0be_Shape">
            <a:extLst>
              <a:ext uri="{FF2B5EF4-FFF2-40B4-BE49-F238E27FC236}">
                <a16:creationId xmlns:a16="http://schemas.microsoft.com/office/drawing/2014/main" id="{A81FDC58-0385-5BF1-23B9-F98923D0E2B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817032" y="4666174"/>
            <a:ext cx="2984500" cy="279400"/>
          </a:xfrm>
          <a:prstGeom prst="chevron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9" name="OTLSHAPE_T_034484705ad6402c88e11df0b24f246e_Shape">
            <a:extLst>
              <a:ext uri="{FF2B5EF4-FFF2-40B4-BE49-F238E27FC236}">
                <a16:creationId xmlns:a16="http://schemas.microsoft.com/office/drawing/2014/main" id="{530E91CA-C52A-16B9-B477-9D9CF459A51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086856" y="3358412"/>
            <a:ext cx="2984500" cy="279400"/>
          </a:xfrm>
          <a:prstGeom prst="chevron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_54c342d5f96e48abadb1b13d52d07b7b_Shape">
            <a:extLst>
              <a:ext uri="{FF2B5EF4-FFF2-40B4-BE49-F238E27FC236}">
                <a16:creationId xmlns:a16="http://schemas.microsoft.com/office/drawing/2014/main" id="{7637719C-3D6B-F4EB-C0F3-FFA5775E6DF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582284" y="3961662"/>
            <a:ext cx="2984500" cy="279400"/>
          </a:xfrm>
          <a:prstGeom prst="chevron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7" name="OTLSHAPE_T_f2f97be829014b90b2595775038958fe_Shape">
            <a:extLst>
              <a:ext uri="{FF2B5EF4-FFF2-40B4-BE49-F238E27FC236}">
                <a16:creationId xmlns:a16="http://schemas.microsoft.com/office/drawing/2014/main" id="{6C04A418-D011-4425-AC0C-19FD420A0FA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25425" y="5155124"/>
            <a:ext cx="2984500" cy="279400"/>
          </a:xfrm>
          <a:prstGeom prst="chevron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OTLSHAPE_T_498a8c441d194e8cace84615ee6b31e2_Shape">
            <a:extLst>
              <a:ext uri="{FF2B5EF4-FFF2-40B4-BE49-F238E27FC236}">
                <a16:creationId xmlns:a16="http://schemas.microsoft.com/office/drawing/2014/main" id="{7A0A3E10-8B5E-70A7-DB93-72BBB329824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978626" y="4507593"/>
            <a:ext cx="2984500" cy="279400"/>
          </a:xfrm>
          <a:prstGeom prst="chevron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1" name="OTLSHAPE_T_3e045161908d4d4d93beccef95b373a5_ShapePercentage" hidden="1">
            <a:extLst>
              <a:ext uri="{FF2B5EF4-FFF2-40B4-BE49-F238E27FC236}">
                <a16:creationId xmlns:a16="http://schemas.microsoft.com/office/drawing/2014/main" id="{A4746CB2-FD8A-27AD-CD53-4F0AD385DDA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191265" y="376481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0" name="OTLSHAPE_T_1bee25ae6b7047ee9fa18c6be95ed6e2_ShapePercentage" hidden="1">
            <a:extLst>
              <a:ext uri="{FF2B5EF4-FFF2-40B4-BE49-F238E27FC236}">
                <a16:creationId xmlns:a16="http://schemas.microsoft.com/office/drawing/2014/main" id="{90133378-128B-C21E-3BA2-7A43B266E00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72062" y="417121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T_0b03ba46d22447fbbcff9005c7e8b0be_ShapePercentage" hidden="1">
            <a:extLst>
              <a:ext uri="{FF2B5EF4-FFF2-40B4-BE49-F238E27FC236}">
                <a16:creationId xmlns:a16="http://schemas.microsoft.com/office/drawing/2014/main" id="{DA8DF0AC-6094-AE1D-6B16-BC90E551E8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17032" y="566947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0" name="OTLSHAPE_T_034484705ad6402c88e11df0b24f246e_ShapePercentage" hidden="1">
            <a:extLst>
              <a:ext uri="{FF2B5EF4-FFF2-40B4-BE49-F238E27FC236}">
                <a16:creationId xmlns:a16="http://schemas.microsoft.com/office/drawing/2014/main" id="{848824FD-565C-CE4B-E7AB-99C78D70536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86856" y="335841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9" name="OTLSHAPE_T_54c342d5f96e48abadb1b13d52d07b7b_ShapePercentage" hidden="1">
            <a:extLst>
              <a:ext uri="{FF2B5EF4-FFF2-40B4-BE49-F238E27FC236}">
                <a16:creationId xmlns:a16="http://schemas.microsoft.com/office/drawing/2014/main" id="{EE8108D5-78A0-156E-295C-39363169D6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582284" y="457761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8" name="OTLSHAPE_T_f2f97be829014b90b2595775038958fe_ShapePercentage" hidden="1">
            <a:extLst>
              <a:ext uri="{FF2B5EF4-FFF2-40B4-BE49-F238E27FC236}">
                <a16:creationId xmlns:a16="http://schemas.microsoft.com/office/drawing/2014/main" id="{756DA192-502D-45F6-0E6B-8B4A667F6D4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325425" y="607587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T_498a8c441d194e8cace84615ee6b31e2_ShapePercentage" hidden="1">
            <a:extLst>
              <a:ext uri="{FF2B5EF4-FFF2-40B4-BE49-F238E27FC236}">
                <a16:creationId xmlns:a16="http://schemas.microsoft.com/office/drawing/2014/main" id="{C3488AE0-82D4-A696-8E50-CC1496E116C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978626" y="512354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2" name="OTLSHAPE_T_3e045161908d4d4d93beccef95b373a5_BaselineShape" hidden="1">
            <a:extLst>
              <a:ext uri="{FF2B5EF4-FFF2-40B4-BE49-F238E27FC236}">
                <a16:creationId xmlns:a16="http://schemas.microsoft.com/office/drawing/2014/main" id="{9F65DAA0-2E54-95A5-B7E3-A07D23A71E4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44465" y="40061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1bee25ae6b7047ee9fa18c6be95ed6e2_BaselineShape" hidden="1">
            <a:extLst>
              <a:ext uri="{FF2B5EF4-FFF2-40B4-BE49-F238E27FC236}">
                <a16:creationId xmlns:a16="http://schemas.microsoft.com/office/drawing/2014/main" id="{614E593A-6F9E-A034-A955-CF9211DBFE9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44465" y="44125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0b03ba46d22447fbbcff9005c7e8b0be_BaselineShape" hidden="1">
            <a:extLst>
              <a:ext uri="{FF2B5EF4-FFF2-40B4-BE49-F238E27FC236}">
                <a16:creationId xmlns:a16="http://schemas.microsoft.com/office/drawing/2014/main" id="{E4D5A1EE-C6D5-D956-7A31-6E1571DE69E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44465" y="59107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034484705ad6402c88e11df0b24f246e_BaselineShape" hidden="1">
            <a:extLst>
              <a:ext uri="{FF2B5EF4-FFF2-40B4-BE49-F238E27FC236}">
                <a16:creationId xmlns:a16="http://schemas.microsoft.com/office/drawing/2014/main" id="{79860426-E1C0-0D63-A5A5-712B6CB2D26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44465" y="35997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54c342d5f96e48abadb1b13d52d07b7b_BaselineShape" hidden="1">
            <a:extLst>
              <a:ext uri="{FF2B5EF4-FFF2-40B4-BE49-F238E27FC236}">
                <a16:creationId xmlns:a16="http://schemas.microsoft.com/office/drawing/2014/main" id="{19FEE17C-03FF-BDD4-24B0-F149D02D1BA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44465" y="48189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T_f2f97be829014b90b2595775038958fe_BaselineShape" hidden="1">
            <a:extLst>
              <a:ext uri="{FF2B5EF4-FFF2-40B4-BE49-F238E27FC236}">
                <a16:creationId xmlns:a16="http://schemas.microsoft.com/office/drawing/2014/main" id="{F2999E1F-4C0E-4AFC-6223-F2C0855F041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4465" y="63171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498a8c441d194e8cace84615ee6b31e2_BaselineShape" hidden="1">
            <a:extLst>
              <a:ext uri="{FF2B5EF4-FFF2-40B4-BE49-F238E27FC236}">
                <a16:creationId xmlns:a16="http://schemas.microsoft.com/office/drawing/2014/main" id="{64E977A2-2F0C-A0FD-738C-0CCDEE9BBA1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536484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3e045161908d4d4d93beccef95b373a5_TextPercentage" hidden="1">
            <a:extLst>
              <a:ext uri="{FF2B5EF4-FFF2-40B4-BE49-F238E27FC236}">
                <a16:creationId xmlns:a16="http://schemas.microsoft.com/office/drawing/2014/main" id="{B6FA0D5D-0591-2EAB-59B4-C1F85A6E8EB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3e045161908d4d4d93beccef95b373a5_StartDate" hidden="1">
            <a:extLst>
              <a:ext uri="{FF2B5EF4-FFF2-40B4-BE49-F238E27FC236}">
                <a16:creationId xmlns:a16="http://schemas.microsoft.com/office/drawing/2014/main" id="{5ACFE253-B8AD-2B74-5E61-8D2521916B0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3e045161908d4d4d93beccef95b373a5_EndDate" hidden="1">
            <a:extLst>
              <a:ext uri="{FF2B5EF4-FFF2-40B4-BE49-F238E27FC236}">
                <a16:creationId xmlns:a16="http://schemas.microsoft.com/office/drawing/2014/main" id="{8A47E718-B701-D262-C998-33F45606113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3e045161908d4d4d93beccef95b373a5_JoinedDate">
            <a:extLst>
              <a:ext uri="{FF2B5EF4-FFF2-40B4-BE49-F238E27FC236}">
                <a16:creationId xmlns:a16="http://schemas.microsoft.com/office/drawing/2014/main" id="{48BA913A-2286-FAF3-6EE1-5F2B5B52CB0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81010" y="3079545"/>
            <a:ext cx="706283" cy="1317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Sep 8 - Nov 6*</a:t>
            </a:r>
          </a:p>
        </p:txBody>
      </p:sp>
      <p:sp>
        <p:nvSpPr>
          <p:cNvPr id="127" name="OTLSHAPE_T_3e045161908d4d4d93beccef95b373a5_Duration">
            <a:extLst>
              <a:ext uri="{FF2B5EF4-FFF2-40B4-BE49-F238E27FC236}">
                <a16:creationId xmlns:a16="http://schemas.microsoft.com/office/drawing/2014/main" id="{6EB198DE-E508-AEBB-953D-43B50C5596B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14597" y="325903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28" name="OTLSHAPE_T_3e045161908d4d4d93beccef95b373a5_Title">
            <a:extLst>
              <a:ext uri="{FF2B5EF4-FFF2-40B4-BE49-F238E27FC236}">
                <a16:creationId xmlns:a16="http://schemas.microsoft.com/office/drawing/2014/main" id="{AF66C054-B80F-751D-BDA7-8D0AE2A6425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445015" y="327455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2"/>
                </a:solidFill>
                <a:latin typeface="Calibri" panose="020F0502020204030204" pitchFamily="34" charset="0"/>
              </a:rPr>
              <a:t>ESR-LA-2</a:t>
            </a:r>
          </a:p>
        </p:txBody>
      </p:sp>
      <p:sp>
        <p:nvSpPr>
          <p:cNvPr id="132" name="OTLSHAPE_T_1bee25ae6b7047ee9fa18c6be95ed6e2_TextPercentage" hidden="1">
            <a:extLst>
              <a:ext uri="{FF2B5EF4-FFF2-40B4-BE49-F238E27FC236}">
                <a16:creationId xmlns:a16="http://schemas.microsoft.com/office/drawing/2014/main" id="{066D5116-3EF3-C8E7-5CB9-085B65B79A9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1bee25ae6b7047ee9fa18c6be95ed6e2_StartDate" hidden="1">
            <a:extLst>
              <a:ext uri="{FF2B5EF4-FFF2-40B4-BE49-F238E27FC236}">
                <a16:creationId xmlns:a16="http://schemas.microsoft.com/office/drawing/2014/main" id="{5AA39D69-451C-A43E-8E73-F649D2DC165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1bee25ae6b7047ee9fa18c6be95ed6e2_EndDate" hidden="1">
            <a:extLst>
              <a:ext uri="{FF2B5EF4-FFF2-40B4-BE49-F238E27FC236}">
                <a16:creationId xmlns:a16="http://schemas.microsoft.com/office/drawing/2014/main" id="{55DA58A3-869B-0A52-77FE-7102FAC4148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1bee25ae6b7047ee9fa18c6be95ed6e2_JoinedDate">
            <a:extLst>
              <a:ext uri="{FF2B5EF4-FFF2-40B4-BE49-F238E27FC236}">
                <a16:creationId xmlns:a16="http://schemas.microsoft.com/office/drawing/2014/main" id="{747D4192-2215-F9DF-39C7-1BC7EBAB18C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374948" y="3765301"/>
            <a:ext cx="87014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Oct 20 - Dec 18*</a:t>
            </a:r>
          </a:p>
        </p:txBody>
      </p:sp>
      <p:sp>
        <p:nvSpPr>
          <p:cNvPr id="136" name="OTLSHAPE_T_1bee25ae6b7047ee9fa18c6be95ed6e2_Duration">
            <a:extLst>
              <a:ext uri="{FF2B5EF4-FFF2-40B4-BE49-F238E27FC236}">
                <a16:creationId xmlns:a16="http://schemas.microsoft.com/office/drawing/2014/main" id="{C9CA7572-9DBD-96B5-3C0C-FA28433EECA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295394" y="395753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37" name="OTLSHAPE_T_1bee25ae6b7047ee9fa18c6be95ed6e2_Title">
            <a:extLst>
              <a:ext uri="{FF2B5EF4-FFF2-40B4-BE49-F238E27FC236}">
                <a16:creationId xmlns:a16="http://schemas.microsoft.com/office/drawing/2014/main" id="{A4B33A43-C17A-FBA6-D9EB-7781FF2C0AE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525812" y="397305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3</a:t>
            </a:r>
          </a:p>
        </p:txBody>
      </p:sp>
      <p:sp>
        <p:nvSpPr>
          <p:cNvPr id="213" name="OTLSHAPE_T_0b03ba46d22447fbbcff9005c7e8b0be_TextPercentage" hidden="1">
            <a:extLst>
              <a:ext uri="{FF2B5EF4-FFF2-40B4-BE49-F238E27FC236}">
                <a16:creationId xmlns:a16="http://schemas.microsoft.com/office/drawing/2014/main" id="{CBFAB582-4B8B-81D4-AD16-E13855E68E9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0b03ba46d22447fbbcff9005c7e8b0be_StartDate" hidden="1">
            <a:extLst>
              <a:ext uri="{FF2B5EF4-FFF2-40B4-BE49-F238E27FC236}">
                <a16:creationId xmlns:a16="http://schemas.microsoft.com/office/drawing/2014/main" id="{F4385107-A077-B624-5E54-4F052F4AFF8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0b03ba46d22447fbbcff9005c7e8b0be_EndDate" hidden="1">
            <a:extLst>
              <a:ext uri="{FF2B5EF4-FFF2-40B4-BE49-F238E27FC236}">
                <a16:creationId xmlns:a16="http://schemas.microsoft.com/office/drawing/2014/main" id="{AF3CC989-2742-CF23-E60B-BF62B67FE4F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0b03ba46d22447fbbcff9005c7e8b0be_JoinedDate">
            <a:extLst>
              <a:ext uri="{FF2B5EF4-FFF2-40B4-BE49-F238E27FC236}">
                <a16:creationId xmlns:a16="http://schemas.microsoft.com/office/drawing/2014/main" id="{E8CD701D-744A-83D0-EAA2-9B5ACF0F598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817032" y="4546600"/>
            <a:ext cx="840808" cy="1195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Oct 31 - Dec 29*</a:t>
            </a:r>
          </a:p>
        </p:txBody>
      </p:sp>
      <p:sp>
        <p:nvSpPr>
          <p:cNvPr id="217" name="OTLSHAPE_T_0b03ba46d22447fbbcff9005c7e8b0be_Duration">
            <a:extLst>
              <a:ext uri="{FF2B5EF4-FFF2-40B4-BE49-F238E27FC236}">
                <a16:creationId xmlns:a16="http://schemas.microsoft.com/office/drawing/2014/main" id="{A3D96814-19C2-C14F-A62E-9E784030B73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840365" y="471284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18" name="OTLSHAPE_T_0b03ba46d22447fbbcff9005c7e8b0be_Title">
            <a:extLst>
              <a:ext uri="{FF2B5EF4-FFF2-40B4-BE49-F238E27FC236}">
                <a16:creationId xmlns:a16="http://schemas.microsoft.com/office/drawing/2014/main" id="{CCFC08FD-69F4-15F8-3657-846E29E905E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070783" y="472836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2"/>
                </a:solidFill>
                <a:latin typeface="Calibri" panose="020F0502020204030204" pitchFamily="34" charset="0"/>
              </a:rPr>
              <a:t>ESR-LA-4</a:t>
            </a:r>
          </a:p>
        </p:txBody>
      </p:sp>
      <p:sp>
        <p:nvSpPr>
          <p:cNvPr id="222" name="OTLSHAPE_T_034484705ad6402c88e11df0b24f246e_TextPercentage" hidden="1">
            <a:extLst>
              <a:ext uri="{FF2B5EF4-FFF2-40B4-BE49-F238E27FC236}">
                <a16:creationId xmlns:a16="http://schemas.microsoft.com/office/drawing/2014/main" id="{421DAE39-9ABD-44D5-7895-4D4D804BBBA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034484705ad6402c88e11df0b24f246e_StartDate" hidden="1">
            <a:extLst>
              <a:ext uri="{FF2B5EF4-FFF2-40B4-BE49-F238E27FC236}">
                <a16:creationId xmlns:a16="http://schemas.microsoft.com/office/drawing/2014/main" id="{C226D9B7-6980-7E60-849B-3D958C1C8F0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034484705ad6402c88e11df0b24f246e_EndDate" hidden="1">
            <a:extLst>
              <a:ext uri="{FF2B5EF4-FFF2-40B4-BE49-F238E27FC236}">
                <a16:creationId xmlns:a16="http://schemas.microsoft.com/office/drawing/2014/main" id="{4179E6B6-C864-40E3-057A-A55BB50FA8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034484705ad6402c88e11df0b24f246e_JoinedDate">
            <a:extLst>
              <a:ext uri="{FF2B5EF4-FFF2-40B4-BE49-F238E27FC236}">
                <a16:creationId xmlns:a16="http://schemas.microsoft.com/office/drawing/2014/main" id="{0FFDEF0F-B556-500C-2DF4-D851B784E38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086856" y="3198528"/>
            <a:ext cx="706282" cy="1598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Jan 5 - Mar 5*</a:t>
            </a:r>
          </a:p>
        </p:txBody>
      </p:sp>
      <p:sp>
        <p:nvSpPr>
          <p:cNvPr id="226" name="OTLSHAPE_T_034484705ad6402c88e11df0b24f246e_Duration">
            <a:extLst>
              <a:ext uri="{FF2B5EF4-FFF2-40B4-BE49-F238E27FC236}">
                <a16:creationId xmlns:a16="http://schemas.microsoft.com/office/drawing/2014/main" id="{87402951-6B7E-4259-F374-A8830129165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110188" y="340508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27" name="OTLSHAPE_T_034484705ad6402c88e11df0b24f246e_Title">
            <a:extLst>
              <a:ext uri="{FF2B5EF4-FFF2-40B4-BE49-F238E27FC236}">
                <a16:creationId xmlns:a16="http://schemas.microsoft.com/office/drawing/2014/main" id="{E844A049-E770-6A15-E5AE-1105A4E9D28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187063" y="342060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DI2023</a:t>
            </a:r>
          </a:p>
        </p:txBody>
      </p:sp>
      <p:sp>
        <p:nvSpPr>
          <p:cNvPr id="231" name="OTLSHAPE_T_54c342d5f96e48abadb1b13d52d07b7b_TextPercentage" hidden="1">
            <a:extLst>
              <a:ext uri="{FF2B5EF4-FFF2-40B4-BE49-F238E27FC236}">
                <a16:creationId xmlns:a16="http://schemas.microsoft.com/office/drawing/2014/main" id="{E5BA1986-6CCA-76FE-C2F8-F4A141AE1A8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54c342d5f96e48abadb1b13d52d07b7b_StartDate" hidden="1">
            <a:extLst>
              <a:ext uri="{FF2B5EF4-FFF2-40B4-BE49-F238E27FC236}">
                <a16:creationId xmlns:a16="http://schemas.microsoft.com/office/drawing/2014/main" id="{9B2F331B-6F1B-7820-D25A-F6EA5F5C9D1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54c342d5f96e48abadb1b13d52d07b7b_EndDate" hidden="1">
            <a:extLst>
              <a:ext uri="{FF2B5EF4-FFF2-40B4-BE49-F238E27FC236}">
                <a16:creationId xmlns:a16="http://schemas.microsoft.com/office/drawing/2014/main" id="{591CAE30-09BF-EFB8-56DA-2A232BC24CC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54c342d5f96e48abadb1b13d52d07b7b_JoinedDate">
            <a:extLst>
              <a:ext uri="{FF2B5EF4-FFF2-40B4-BE49-F238E27FC236}">
                <a16:creationId xmlns:a16="http://schemas.microsoft.com/office/drawing/2014/main" id="{836B1681-6913-EC8F-B0A5-49CC19FDFCA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592307" y="3787991"/>
            <a:ext cx="832204" cy="1736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Jan 15 - Mar 15*</a:t>
            </a:r>
          </a:p>
        </p:txBody>
      </p:sp>
      <p:sp>
        <p:nvSpPr>
          <p:cNvPr id="235" name="OTLSHAPE_T_54c342d5f96e48abadb1b13d52d07b7b_Duration">
            <a:extLst>
              <a:ext uri="{FF2B5EF4-FFF2-40B4-BE49-F238E27FC236}">
                <a16:creationId xmlns:a16="http://schemas.microsoft.com/office/drawing/2014/main" id="{268EF9F8-3346-19E5-FB68-0045009019D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605616" y="400833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36" name="OTLSHAPE_T_54c342d5f96e48abadb1b13d52d07b7b_Title">
            <a:extLst>
              <a:ext uri="{FF2B5EF4-FFF2-40B4-BE49-F238E27FC236}">
                <a16:creationId xmlns:a16="http://schemas.microsoft.com/office/drawing/2014/main" id="{DB65E12D-95C9-14B3-79EE-736E7BC785F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836034" y="402385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5</a:t>
            </a:r>
          </a:p>
        </p:txBody>
      </p:sp>
      <p:sp>
        <p:nvSpPr>
          <p:cNvPr id="240" name="OTLSHAPE_T_f2f97be829014b90b2595775038958fe_TextPercentage" hidden="1">
            <a:extLst>
              <a:ext uri="{FF2B5EF4-FFF2-40B4-BE49-F238E27FC236}">
                <a16:creationId xmlns:a16="http://schemas.microsoft.com/office/drawing/2014/main" id="{88E45FD8-0970-6744-E408-09AA5DEF841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T_f2f97be829014b90b2595775038958fe_StartDate" hidden="1">
            <a:extLst>
              <a:ext uri="{FF2B5EF4-FFF2-40B4-BE49-F238E27FC236}">
                <a16:creationId xmlns:a16="http://schemas.microsoft.com/office/drawing/2014/main" id="{A148A37E-585E-EF43-962B-354FC269BFF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f2f97be829014b90b2595775038958fe_EndDate" hidden="1">
            <a:extLst>
              <a:ext uri="{FF2B5EF4-FFF2-40B4-BE49-F238E27FC236}">
                <a16:creationId xmlns:a16="http://schemas.microsoft.com/office/drawing/2014/main" id="{988821EC-9931-3013-7454-208A6A303DA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f2f97be829014b90b2595775038958fe_JoinedDate">
            <a:extLst>
              <a:ext uri="{FF2B5EF4-FFF2-40B4-BE49-F238E27FC236}">
                <a16:creationId xmlns:a16="http://schemas.microsoft.com/office/drawing/2014/main" id="{A46A1207-E141-C4C2-BE08-DA39EE20601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349406" y="4981452"/>
            <a:ext cx="779952" cy="1581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Jan 30 - Mar 30*</a:t>
            </a:r>
          </a:p>
        </p:txBody>
      </p:sp>
      <p:sp>
        <p:nvSpPr>
          <p:cNvPr id="244" name="OTLSHAPE_T_f2f97be829014b90b2595775038958fe_Duration">
            <a:extLst>
              <a:ext uri="{FF2B5EF4-FFF2-40B4-BE49-F238E27FC236}">
                <a16:creationId xmlns:a16="http://schemas.microsoft.com/office/drawing/2014/main" id="{61A8A9A0-8D7F-9E1D-77A6-82A53435085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1348758" y="520179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45" name="OTLSHAPE_T_f2f97be829014b90b2595775038958fe_Title">
            <a:extLst>
              <a:ext uri="{FF2B5EF4-FFF2-40B4-BE49-F238E27FC236}">
                <a16:creationId xmlns:a16="http://schemas.microsoft.com/office/drawing/2014/main" id="{3B148695-4916-AC66-B448-C9B0E301F6B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579176" y="5217311"/>
            <a:ext cx="49218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6</a:t>
            </a:r>
          </a:p>
        </p:txBody>
      </p:sp>
      <p:sp>
        <p:nvSpPr>
          <p:cNvPr id="29" name="OTLSHAPE_T_498a8c441d194e8cace84615ee6b31e2_TextPercentage" hidden="1">
            <a:extLst>
              <a:ext uri="{FF2B5EF4-FFF2-40B4-BE49-F238E27FC236}">
                <a16:creationId xmlns:a16="http://schemas.microsoft.com/office/drawing/2014/main" id="{D13E21C8-1394-90C4-22A5-7990C23F441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498a8c441d194e8cace84615ee6b31e2_StartDate" hidden="1">
            <a:extLst>
              <a:ext uri="{FF2B5EF4-FFF2-40B4-BE49-F238E27FC236}">
                <a16:creationId xmlns:a16="http://schemas.microsoft.com/office/drawing/2014/main" id="{B6B92E63-C30D-AACF-544A-C6F4E6C0B26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498a8c441d194e8cace84615ee6b31e2_EndDate" hidden="1">
            <a:extLst>
              <a:ext uri="{FF2B5EF4-FFF2-40B4-BE49-F238E27FC236}">
                <a16:creationId xmlns:a16="http://schemas.microsoft.com/office/drawing/2014/main" id="{54F88237-07E7-D619-38B3-8F51D67A372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498a8c441d194e8cace84615ee6b31e2_JoinedDate">
            <a:extLst>
              <a:ext uri="{FF2B5EF4-FFF2-40B4-BE49-F238E27FC236}">
                <a16:creationId xmlns:a16="http://schemas.microsoft.com/office/drawing/2014/main" id="{157BA47D-06E3-5C2E-188B-28C30A19FC3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978626" y="4340038"/>
            <a:ext cx="857408" cy="167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Jan 23 - Mar 23*</a:t>
            </a:r>
          </a:p>
        </p:txBody>
      </p:sp>
      <p:sp>
        <p:nvSpPr>
          <p:cNvPr id="248" name="OTLSHAPE_T_498a8c441d194e8cace84615ee6b31e2_Title">
            <a:extLst>
              <a:ext uri="{FF2B5EF4-FFF2-40B4-BE49-F238E27FC236}">
                <a16:creationId xmlns:a16="http://schemas.microsoft.com/office/drawing/2014/main" id="{D7FE4F32-0BC3-83AA-2A58-C6DD662C3E8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129358" y="4569781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SR-LA-ERAS</a:t>
            </a:r>
          </a:p>
        </p:txBody>
      </p:sp>
      <p:sp>
        <p:nvSpPr>
          <p:cNvPr id="249" name="OTLSHAPE_T_498a8c441d194e8cace84615ee6b31e2_Duration" hidden="1">
            <a:extLst>
              <a:ext uri="{FF2B5EF4-FFF2-40B4-BE49-F238E27FC236}">
                <a16:creationId xmlns:a16="http://schemas.microsoft.com/office/drawing/2014/main" id="{F4B66697-1D8B-FB09-7C0F-AEB740BC86D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402799"/>
            <a:ext cx="4699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04" name="OTLSHAPE_M_2e0ebcb027d44e1e8d809703e215d8cb_Shape">
            <a:extLst>
              <a:ext uri="{FF2B5EF4-FFF2-40B4-BE49-F238E27FC236}">
                <a16:creationId xmlns:a16="http://schemas.microsoft.com/office/drawing/2014/main" id="{9B9A49E5-368C-212B-D502-01D3FE3615A7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3501948" y="1704830"/>
            <a:ext cx="101600" cy="101600"/>
          </a:xfrm>
          <a:prstGeom prst="flowChartMerge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M_7aef3ec69c9c46e9bf1461e446eb9974_Shape">
            <a:extLst>
              <a:ext uri="{FF2B5EF4-FFF2-40B4-BE49-F238E27FC236}">
                <a16:creationId xmlns:a16="http://schemas.microsoft.com/office/drawing/2014/main" id="{1E7837D5-280A-8BBF-FF5B-AE400535B471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rot="16200000">
            <a:off x="6177259" y="2088285"/>
            <a:ext cx="101600" cy="101600"/>
          </a:xfrm>
          <a:prstGeom prst="flowChartMerge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4fa236a2e26f429a8e76dfaaaa827247_Shape">
            <a:extLst>
              <a:ext uri="{FF2B5EF4-FFF2-40B4-BE49-F238E27FC236}">
                <a16:creationId xmlns:a16="http://schemas.microsoft.com/office/drawing/2014/main" id="{6D1A193B-241F-9DBE-C2F6-6B44F06F26D5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rot="16200000">
            <a:off x="7217657" y="1321375"/>
            <a:ext cx="101600" cy="101600"/>
          </a:xfrm>
          <a:prstGeom prst="flowChartMerge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M_a5481202fa924bcc96ea3e71b225b393_Shape">
            <a:extLst>
              <a:ext uri="{FF2B5EF4-FFF2-40B4-BE49-F238E27FC236}">
                <a16:creationId xmlns:a16="http://schemas.microsoft.com/office/drawing/2014/main" id="{95C6C8FE-5E3F-2694-241A-20D7090E5EBF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7911256" y="2088285"/>
            <a:ext cx="101600" cy="101600"/>
          </a:xfrm>
          <a:prstGeom prst="flowChartMerge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ced69b590ab444dfab5c22732666d50a_Shape">
            <a:extLst>
              <a:ext uri="{FF2B5EF4-FFF2-40B4-BE49-F238E27FC236}">
                <a16:creationId xmlns:a16="http://schemas.microsoft.com/office/drawing/2014/main" id="{ADDFCC28-786A-C378-CA2A-C783B94F232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rot="16200000">
            <a:off x="7564457" y="1704830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M_0c58045c54c5475d8a029408f8db9ba3_Shape">
            <a:extLst>
              <a:ext uri="{FF2B5EF4-FFF2-40B4-BE49-F238E27FC236}">
                <a16:creationId xmlns:a16="http://schemas.microsoft.com/office/drawing/2014/main" id="{1E797F46-74C5-BF28-467E-4FFEBCB324F1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rot="16200000">
            <a:off x="3056063" y="20882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M_85d6e238113242d1a12e2ae133af8e0c_Shape">
            <a:extLst>
              <a:ext uri="{FF2B5EF4-FFF2-40B4-BE49-F238E27FC236}">
                <a16:creationId xmlns:a16="http://schemas.microsoft.com/office/drawing/2014/main" id="{E805FE71-E061-62B9-43F2-1E9B18BEE79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rot="16200000">
            <a:off x="4245090" y="20882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2e0ebcb027d44e1e8d809703e215d8cb_Title">
            <a:extLst>
              <a:ext uri="{FF2B5EF4-FFF2-40B4-BE49-F238E27FC236}">
                <a16:creationId xmlns:a16="http://schemas.microsoft.com/office/drawing/2014/main" id="{6D27A163-B8D7-635F-1488-1084CCF98FE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635298" y="15829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4 Kick-off</a:t>
            </a:r>
          </a:p>
        </p:txBody>
      </p:sp>
      <p:sp>
        <p:nvSpPr>
          <p:cNvPr id="103" name="OTLSHAPE_M_2e0ebcb027d44e1e8d809703e215d8cb_Date">
            <a:extLst>
              <a:ext uri="{FF2B5EF4-FFF2-40B4-BE49-F238E27FC236}">
                <a16:creationId xmlns:a16="http://schemas.microsoft.com/office/drawing/2014/main" id="{A317A4CC-11D5-FB76-0AEF-C06146279DA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635298" y="173797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23</a:t>
            </a:r>
          </a:p>
        </p:txBody>
      </p:sp>
      <p:sp>
        <p:nvSpPr>
          <p:cNvPr id="174" name="OTLSHAPE_M_7aef3ec69c9c46e9bf1461e446eb9974_Title">
            <a:extLst>
              <a:ext uri="{FF2B5EF4-FFF2-40B4-BE49-F238E27FC236}">
                <a16:creationId xmlns:a16="http://schemas.microsoft.com/office/drawing/2014/main" id="{7C69D039-8F3E-CCA0-1B7A-52B8FAC5318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10609" y="196640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DI2023 Kick-off</a:t>
            </a:r>
          </a:p>
        </p:txBody>
      </p:sp>
      <p:sp>
        <p:nvSpPr>
          <p:cNvPr id="175" name="OTLSHAPE_M_7aef3ec69c9c46e9bf1461e446eb9974_Date">
            <a:extLst>
              <a:ext uri="{FF2B5EF4-FFF2-40B4-BE49-F238E27FC236}">
                <a16:creationId xmlns:a16="http://schemas.microsoft.com/office/drawing/2014/main" id="{A85ECC36-74BA-1986-A986-8FD5FCA9924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10609" y="212143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Dec 16</a:t>
            </a:r>
          </a:p>
        </p:txBody>
      </p:sp>
      <p:sp>
        <p:nvSpPr>
          <p:cNvPr id="183" name="OTLSHAPE_M_4fa236a2e26f429a8e76dfaaaa827247_Title">
            <a:extLst>
              <a:ext uri="{FF2B5EF4-FFF2-40B4-BE49-F238E27FC236}">
                <a16:creationId xmlns:a16="http://schemas.microsoft.com/office/drawing/2014/main" id="{CAA744AD-80B9-5727-C968-B36F2E719E7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351007" y="119949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5 Kick-off</a:t>
            </a:r>
          </a:p>
        </p:txBody>
      </p:sp>
      <p:sp>
        <p:nvSpPr>
          <p:cNvPr id="184" name="OTLSHAPE_M_4fa236a2e26f429a8e76dfaaaa827247_Date">
            <a:extLst>
              <a:ext uri="{FF2B5EF4-FFF2-40B4-BE49-F238E27FC236}">
                <a16:creationId xmlns:a16="http://schemas.microsoft.com/office/drawing/2014/main" id="{B5364027-05FD-D7B6-D05C-D38BB291E88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351007" y="135452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6</a:t>
            </a:r>
          </a:p>
        </p:txBody>
      </p:sp>
      <p:sp>
        <p:nvSpPr>
          <p:cNvPr id="192" name="OTLSHAPE_M_a5481202fa924bcc96ea3e71b225b393_Title">
            <a:extLst>
              <a:ext uri="{FF2B5EF4-FFF2-40B4-BE49-F238E27FC236}">
                <a16:creationId xmlns:a16="http://schemas.microsoft.com/office/drawing/2014/main" id="{57902457-73E9-8B03-F508-37959B560A7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044606" y="196640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6 Kick-off</a:t>
            </a:r>
          </a:p>
        </p:txBody>
      </p:sp>
      <p:sp>
        <p:nvSpPr>
          <p:cNvPr id="193" name="OTLSHAPE_M_a5481202fa924bcc96ea3e71b225b393_Date">
            <a:extLst>
              <a:ext uri="{FF2B5EF4-FFF2-40B4-BE49-F238E27FC236}">
                <a16:creationId xmlns:a16="http://schemas.microsoft.com/office/drawing/2014/main" id="{F930EC1D-39E1-A7D4-56B2-A3B5B67638E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044606" y="212143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64" name="OTLSHAPE_M_ced69b590ab444dfab5c22732666d50a_Title">
            <a:extLst>
              <a:ext uri="{FF2B5EF4-FFF2-40B4-BE49-F238E27FC236}">
                <a16:creationId xmlns:a16="http://schemas.microsoft.com/office/drawing/2014/main" id="{ACC3B5D5-5E3D-E656-2B49-46FABD8DB95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697807" y="1582952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ESR-LA-ERAS Kick-off</a:t>
            </a:r>
          </a:p>
        </p:txBody>
      </p:sp>
      <p:sp>
        <p:nvSpPr>
          <p:cNvPr id="65" name="OTLSHAPE_M_ced69b590ab444dfab5c22732666d50a_Date">
            <a:extLst>
              <a:ext uri="{FF2B5EF4-FFF2-40B4-BE49-F238E27FC236}">
                <a16:creationId xmlns:a16="http://schemas.microsoft.com/office/drawing/2014/main" id="{2E349771-27B1-3879-C4C7-EE6AC8D43F5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697807" y="1737977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13</a:t>
            </a:r>
            <a:endParaRPr lang="en-US" sz="90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M_0c58045c54c5475d8a029408f8db9ba3_Title">
            <a:extLst>
              <a:ext uri="{FF2B5EF4-FFF2-40B4-BE49-F238E27FC236}">
                <a16:creationId xmlns:a16="http://schemas.microsoft.com/office/drawing/2014/main" id="{71B7CE99-2DDD-9135-1D2F-E8515B3BA6D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189413" y="196640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3 Kick-off</a:t>
            </a:r>
          </a:p>
        </p:txBody>
      </p:sp>
      <p:sp>
        <p:nvSpPr>
          <p:cNvPr id="534" name="OTLSHAPE_M_0c58045c54c5475d8a029408f8db9ba3_Date">
            <a:extLst>
              <a:ext uri="{FF2B5EF4-FFF2-40B4-BE49-F238E27FC236}">
                <a16:creationId xmlns:a16="http://schemas.microsoft.com/office/drawing/2014/main" id="{026A1807-AA52-51E6-7A6C-9E1AEBFA11E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189413" y="212143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14</a:t>
            </a:r>
          </a:p>
        </p:txBody>
      </p:sp>
      <p:sp>
        <p:nvSpPr>
          <p:cNvPr id="536" name="OTLSHAPE_M_85d6e238113242d1a12e2ae133af8e0c_Title">
            <a:extLst>
              <a:ext uri="{FF2B5EF4-FFF2-40B4-BE49-F238E27FC236}">
                <a16:creationId xmlns:a16="http://schemas.microsoft.com/office/drawing/2014/main" id="{9C7FA36E-C48F-99CE-3697-64975243DDB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378440" y="196640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2 Completion</a:t>
            </a:r>
          </a:p>
        </p:txBody>
      </p:sp>
      <p:sp>
        <p:nvSpPr>
          <p:cNvPr id="537" name="OTLSHAPE_M_85d6e238113242d1a12e2ae133af8e0c_Date">
            <a:extLst>
              <a:ext uri="{FF2B5EF4-FFF2-40B4-BE49-F238E27FC236}">
                <a16:creationId xmlns:a16="http://schemas.microsoft.com/office/drawing/2014/main" id="{CFD89873-574C-4CC7-5F1F-7C341FC6A46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378440" y="212143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348" name="TextBox 347">
            <a:extLst>
              <a:ext uri="{FF2B5EF4-FFF2-40B4-BE49-F238E27FC236}">
                <a16:creationId xmlns:a16="http://schemas.microsoft.com/office/drawing/2014/main" id="{23478562-5956-3C7A-B2C1-F17A8DADC4B7}"/>
              </a:ext>
            </a:extLst>
          </p:cNvPr>
          <p:cNvSpPr txBox="1"/>
          <p:nvPr/>
        </p:nvSpPr>
        <p:spPr>
          <a:xfrm>
            <a:off x="3278044" y="228867"/>
            <a:ext cx="610325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b="1" dirty="0"/>
              <a:t>ESR-LA IMPLEMENTATION TIMELINE(ALL)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7C15645-04FD-989C-40D8-9ED7753707D1}"/>
              </a:ext>
            </a:extLst>
          </p:cNvPr>
          <p:cNvSpPr txBox="1"/>
          <p:nvPr/>
        </p:nvSpPr>
        <p:spPr>
          <a:xfrm>
            <a:off x="198894" y="5709396"/>
            <a:ext cx="256929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*Study timelines depend on several factors and may be subject to change.</a:t>
            </a:r>
          </a:p>
          <a:p>
            <a:endParaRPr lang="en-US" dirty="0"/>
          </a:p>
        </p:txBody>
      </p:sp>
      <p:sp>
        <p:nvSpPr>
          <p:cNvPr id="21" name="OTLSHAPE_T_54c342d5f96e48abadb1b13d52d07b7b_Duration">
            <a:extLst>
              <a:ext uri="{FF2B5EF4-FFF2-40B4-BE49-F238E27FC236}">
                <a16:creationId xmlns:a16="http://schemas.microsoft.com/office/drawing/2014/main" id="{53292725-8633-8583-0FA4-A89B3FA314C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1004634" y="4538751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474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IuMCIsIk9yaWdpbmFsQXNzZW1ibHlWZXJzaW9uIjoiMTEuMTYuMDAuMDAiLCJFZGl0aW9uIjpudWxsLCJMYXN0U2F2ZWRFZGl0aW9uIjo0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nRydW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AuMCwiUmlnaHQiOjAuMCwiQm90dG9tIjowLjB9LCJQYWRkaW5nIjp7IiRpZCI6IjY1IiwiVG9wIjowLjAsIkxlZnQiOjAuMCwiUmlnaHQiOjAuMCwiQm90dG9tIjowLjB9LCJCYWNrZ3JvdW5kIjp7IiRpZCI6IjY2IiwiQ29sb3IiOnsiJGlkIjoiNjciLCJBIjo4OSwiUiI6MCwiRyI6MCwiQiI6MH19LCJJc1Zpc2libGUiOnRydWUsIldpZHRoIjowLjAsIkhlaWdodCI6MC4wLCJCb3JkZXJTdHlsZSI6eyIkaWQiOiI2OCIsIkxpbmVDb2xvciI6bnVsbCwiTGluZVdlaWdodCI6MC4wLCJMaW5lVHlwZSI6MCwiUGFyZW50U3R5bGUiOm51bGx9LCJQYXJlbnRTdHlsZSI6bnVsbH0sIlRvZGF5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0cnV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A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w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QuMCwiUmlnaHQiOjQ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w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0LjAsIlJpZ2h0Ijo0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mYWxzZSwiUG9zaXRpb25PblRhc2siOjAsIkhpZGVEYXRlIjpmYWxzZSwiU2hhcGVTaXplIjowLCJTcGFjaW5nIjowLjAsIlBhZGRpbmciOnsiJGlkIjoiMTIyIiwiVG9wIjo1LjAsIkxlZnQiOjMuMCwiUmlnaHQiOjAuMCwiQm90dG9tIjoyLjB9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MjI4LCJHIjowLCJCIjo4OX19LCJJc1Zpc2libGUiOnRydWUsIldpZHRoIjo4LjAsIkhlaWdodCI6OC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C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OSwiRm9udE5hbWUiOiJDYWxpYnJpIiwiSXNCb2xkIjpmYWxzZSwiSXNJdGFsaWMiOmZhbHNlLCJJc1VuZGVybGluZWQiOmZhbHNlLCJQYXJlbnRTdHlsZSI6bnVsbH0sIkF1dG9TaXplIjowLCJGb3JlZ3JvdW5kIjp7IiRpZCI6IjE0MiIsIkNvbG9yIjp7IiRpZCI6IjE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4OSwiUiI6MCwiRyI6MCwiQiI6MH1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5LCJGb250TmFtZSI6IkNhbGlicmkiLCJJc0JvbGQiOmZhbHNlLCJJc0l0YWxpYyI6ZmFsc2UsIklzVW5kZXJsaW5lZCI6ZmFsc2UsIlBhcmVudFN0eWxlIjpudWxsfSwiQXV0b1NpemUiOjAsIkZvcmVncm91bmQiOnsiJGlkIjoiMTc2IiwiQ29sb3IiOnsiJGlkIjoiMTc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ODksIlIiOjAsIkciOjAsIkIiOjB9fSwiSXNWaXNpYmxlIjp0cnVlLCJXaWR0aCI6MC4wLCJIZWlnaHQiOjAuMCwiQm9yZGVyU3R5bGUiOnsiJGlkIjoiMTgyIiwiTGluZUNvbG9yIjpudWxsLCJMaW5lV2VpZ2h0IjowLjAsIkxpbmVUeXBlIjowLCJQYXJlbnRTdHlsZSI6bnVsbH0sIlBhcmVudFN0eWxlIjpudWxsfSwiRGF0ZUZvcm1hdCI6eyIkaWQiOiIx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0IiwiRm9ybWF0IjowLCJJc1Zpc2libGUiOmZhbHNlLCJMYXN0S25vd25WaXNpYmlsaXR5U3RhdGUiOmZhbHNlfSwiSXNWaXNpYmxlIjp0cnVlLCJQYXJlbnRTdHlsZSI6bnVsbH0sIkRlZmF1bHRUYXNrU3R5bGUiOnsiJGlkIjoiMTg1IiwiU2hhcGUiOjQsIlNoYXBlVGhpY2tuZXNzIjoyLCJEdXJhdGlvbkZvcm1hdCI6NSwiSW5jbHVkZU5vbldvcmtpbmdEYXlzSW5EdXJhdGlvbiI6ZmFsc2UsIlBlcmNlbnRhZ2VDb21wbGV0ZV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TkiLCJUb3AiOjAuMCwiTGVmdCI6MC4wLCJSaWdodCI6MC4wLCJCb3R0b20iOjAuMH0sIlBhZGRpbmciOnsiJGlkIjoiMjAwIiwiVG9wIjowLjAsIkxlZnQiOjAuMCwiUmlnaHQiOjAuMCwiQm90dG9tIjowLjB9LCJCYWNrZ3JvdW5kIjp7IiRpZCI6IjIwMSIsIkNvbG9yIjp7IiRpZCI6IjIwMiIsIkEiOjg5LCJSIjowLCJHIjowLCJCIjowfX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MiIsIlRvcCI6MC4wLCJMZWZ0IjowLjAsIlJpZ2h0IjowLjAsIkJvdHRvbSI6MC4wfSwiUGFkZGluZyI6eyIkaWQiOiIyNDMiLCJUb3AiOjAuMCwiTGVmdCI6MC4wLCJSaWdodCI6MC4wLCJCb3R0b20iOjAuMH0sIkJhY2tncm91bmQiOnsiJGlkIjoiMjQ0IiwiQ29sb3IiOnsiJGlkIjoiMjQ1IiwiQSI6ODksIlIiOjAsIkciOjAsIkIiOjB9fSwiSXNWaXNpYmxlIjp0cnVlLCJXaWR0aCI6MC4wLCJIZWlnaHQiOjAuMCwiQm9yZGVyU3R5bGUiOnsiJGlkIjoiMjQ2IiwiTGluZUNvbG9yIjpudWxsLCJMaW5lV2VpZ2h0IjowLjAsIkxpbmVUeXBlIjowLCJQYXJlbnRTdHlsZSI6bnVsbH0sIlBhcmVudFN0eWxlIjpudWxsfSwiRGF0ZUZvcm1hdCI6eyIkaWQiOiIy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4IiwiRm9ybWF0IjowLCJJc1Zpc2libGUiOmZhbHNlLCJMYXN0S25vd25WaXNpYmlsaXR5U3RhdGUiOmZhbHNlfSwiSXNWaXNpYmxlIjp0cnVlLCJQYXJlbnRTdHlsZSI6bnVsbCwiX2V4cGxpY2l0bHlTZXQiOnsiJGlkIjoiMjQ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1MSwiUiI6MjI4LCJHIjowLCJCIjo4OX19LCJJc1Zpc2libGUiOnRydWUsIldpZHRoIjowLjAsIkhlaWdodCI6M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Jc0Fib3ZlVGltZWJhbmQiOmZhbHNlLCJTcGFjaW5nIjoyLCJEZWZhdWx0U3dpbWxhbmVUYXNrU3R5bGUiOnsiJGlkIjoiMzAyIiwiJHR5cGUiOiJOTFJFLkNvbW1vbi5Eb20uU3R5bGVzLkV4cGxpY2l0U2V0YWJsZVRhc2tTdHlsZSwgTkxSRS5Db21tb24iLCJTaGFwZSI6MCwiU2hhcGVUaGlja25lc3MiOjIsIkR1cmF0aW9uRm9ybWF0Ijo1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pZCI6IjMwNSIsIkNvbG9yIjp7IiRpZCI6IjMw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4OSwiUiI6MCwiRyI6MCwiQiI6MH1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TAiLCJUb3AiOjAuMCwiTGVmdCI6MC4wLCJSaWdodCI6MC4wLCJCb3R0b20iOjAuMH0sIlBhZGRpbmciOnsiJGlkIjoiMzUxIiwiVG9wIjowLjAsIkxlZnQiOjAuMCwiUmlnaHQiOjAuMCwiQm90dG9tIjowLjB9LCJCYWNrZ3JvdW5kIjp7IiRpZCI6IjM1MiIsIkNvbG9yIjp7IiRpZCI6IjM1MyIsIkEiOjg5LCJSIjowLCJHIjowLCJCIjow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ksIkZvbnROYW1lIjoiQ2FsaWJyaSIsIklzQm9sZCI6ZmFsc2UsIklzSXRhbGljIjpmYWxzZSwiSXNVbmRlcmxpbmVkIjpmYWxzZSwiUGFyZW50U3R5bGUiOm51bGx9LCJBdXRvU2l6ZSI6MCwiRm9yZWdyb3VuZCI6eyIkaWQiOiIzNTciLCJDb2xvciI6eyIkaWQiOiIz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5IiwiVG9wIjowLjAsIkxlZnQiOjAuMCwiUmlnaHQiOjAuMCwiQm90dG9tIjowLjB9LCJQYWRkaW5nIjp7IiRpZCI6IjM2MCIsIlRvcCI6MC4wLCJMZWZ0IjowLjAsIlJpZ2h0IjowLjAsIkJvdHRvbSI6MC4wfSwiQmFja2dyb3VuZCI6eyIkaWQiOiIzNjEiLCJDb2xvciI6eyIkaWQiOiIzNjIiLCJBIjo4OSwiUiI6MCwiRyI6MCwiQiI6MH19LCJJc1Zpc2libGUiOnRydWUsIldpZHRoIjowLjAsIkhlaWdodCI6MC4wLCJCb3JkZXJTdHlsZSI6eyIkaWQiOiIzNjMiLCJMaW5lQ29sb3IiOm51bGwsIkxpbmVXZWlnaHQiOjAuMCwiTGluZVR5cGUiOjAsIlBhcmVudFN0eWxlIjpudWxsfSwiUGFyZW50U3R5bGUiOm51bGx9LCJEYXRlRm9ybWF0Ijp7IiRpZCI6I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iLCJGb3JtYXQiOjAsIklzVmlzaWJsZSI6ZmFsc2UsIkxhc3RLbm93blZpc2liaWxpdHlTdGF0ZSI6ZmFsc2V9LCJJc1Zpc2libGUiOnRydWUsIlBhcmVudFN0eWxlIjpudWxsLCJfZXhwbGljaXRseVNldCI6eyIkaWQiOiIzN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jU1LCJSIjoyMjgsIkciOjAsIkIiOjg5fX0sIklzVmlzaWJsZSI6dHJ1ZSwiV2lkdGgiOjE4LjAsIkhlaWdodCI6Mj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w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4OSwiUiI6MCwiRyI6MCwiQiI6MH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5LCJGb250TmFtZSI6IkNhbGlicmkiLCJJc0JvbGQiOmZhbHNlLCJJc0l0YWxpYyI6ZmFsc2UsIklzVW5kZXJsaW5lZCI6ZmFsc2UsIlBhcmVudFN0eWxlIjpudWxsfSwiQXV0b1NpemUiOjAsIkZvcmVncm91bmQiOnsiJGlkIjoiMzkyIiwiQ29sb3IiOnsiJGlkIjoiMzk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ODksIlIiOjAsIkciOjAsIkIiOjB9fSwiSXNWaXNpYmxlIjp0cnVlLCJXaWR0aCI6MC4wLCJIZWlnaHQiOjAuMCwiQm9yZGVyU3R5bGUiOnsiJGlkIjoiMzk4IiwiTGluZUNvbG9yIjpudWxsLCJMaW5lV2VpZ2h0IjowLjAsIkxpbmVUeXBlIjowLCJQYXJlbnRTdHlsZSI6bnVsbH0sIlBhcmVudFN0eWxlIjpudWxsfSwiRGF0ZUZvcm1hdCI6eyIkaWQiOiIz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UaXRsZVN0eWxlIjp7IiRpZCI6IjQxMCIsIkZvbnRTZXR0aW5ncyI6eyIkaWQiOiI0MTEiLCJGb250U2l6ZSI6MTAsIkZvbnROYW1lIjoiQ2FsaWJyaSIsIklzQm9sZCI6dHJ1ZSwiSXNJdGFsaWMiOmZhbHNlLCJJc1VuZGVybGluZWQiOmZhbHNlLCJQYXJlbnRTdHlsZSI6bnVsbH0sIkF1dG9TaXplIjowLCJGb3JlZ3JvdW5kIjp7IiRpZCI6IjQxMiIsIkNvbG9yIjp7IiRpZCI6IjQx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g5LCJSIjowLCJHIjowLCJCIjow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ksIkZvbnROYW1lIjoiQ2FsaWJyaSIsIklzQm9sZCI6ZmFsc2UsIklzSXRhbGljIjpmYWxzZSwiSXNVbmRlcmxpbmVkIjpmYWxzZSwiUGFyZW50U3R5bGUiOm51bGx9LCJBdXRvU2l6ZSI6MCwiRm9yZWdyb3VuZCI6eyIkaWQiOiI0MjEiLCJDb2xvciI6eyIkaWQiOiI0M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4OSwiUiI6MCwiRyI6MCwiQiI6MH19LCJJc1Zpc2libGUiOnRydWUsIldpZHRoIjowLjAsIkhlaWdodCI6MC4wLCJCb3JkZXJTdHlsZSI6eyIkaWQiOiI0MjciLCJMaW5lQ29sb3IiOm51bGwsIkxpbmVXZWlnaHQiOjAuMCwiTGluZVR5cGUiOjAsIlBhcmVudFN0eWxlIjpudWxsfSwiUGFyZW50U3R5bGUiOm51bGx9LCJEYXRlRm9ybWF0Ijp7IiRpZCI6Ij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bnVsbCwiSXNWaXNpYmxlIjp0cnVlLCJXaWR0aCI6MC4wLCJIZWlnaHQiOjAuMCwiQm9yZGVyU3R5bGUiOm51bGwsIlBhcmVudFN0eWxlIjpudWxsfSwiUmVjdGFuZ2x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NjMsIlIiOjIyOCwiRyI6MCwiQiI6ODl9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aWQiOiI1MzQiLCJDb2xvciI6eyIkaWQiOiI1MzUiLCJBIjowLCJSIjoyNTUsIkciOjI1NSwiQiI6MjU1fX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ksIkZvbnROYW1lIjoiQ2FsaWJyaSIsIklzQm9sZCI6ZmFsc2UsIklzSXRhbGljIjpmYWxzZSwiSXNVbmRlcmxpbmVkIjpmYWxzZSwiUGFyZW50U3R5bGUiOm51bGx9LCJBdXRvU2l6ZSI6MCwiRm9yZWdyb3VuZCI6eyIkaWQiOiI1MzkiLCJDb2xvciI6eyIkaWQiOiI1ND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eyIkaWQiOiI1NDMiLCJDb2xvciI6eyIkaWQiOiI1NDQiLCJBIjowLCJSIjoyNTUsIkciOjI1NSwiQiI6MjU1fX0sIklzVmlzaWJsZSI6dHJ1ZSwiV2lkdGgiOjAuMCwiSGVpZ2h0IjowLjAsIkJvcmRlclN0eWxlIjp7IiRpZCI6IjU0NSIsIkxpbmVDb2xvciI6bnVsbCwiTGluZVdlaWdodCI6MC4wLCJMaW5lVHlwZSI6MCwiUGFyZW50U3R5bGUiOm51bGx9LCJQYXJlbnRTdHlsZSI6bnVsbH0sIkRhdGVGb3JtYXQiOnsiJGlkIjoiNT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TdHlsZSI6eyIkaWQiOiI1NzUiLCJGb250U2V0dGluZ3MiOnsiJGlkIjoiNTc2IiwiRm9udFNpemUiOjksIkZvbnROYW1lIjoiQ2FsaWJyaSIsIklzQm9sZCI6ZmFsc2UsIklzSXRhbGljIjpmYWxzZSwiSXNVbmRlcmxpbmVkIjpmYWxzZSwiUGFyZW50U3R5bGUiOm51bGx9LCJBdXRvU2l6ZSI6MCwiRm9yZWdyb3VuZCI6eyIkaWQiOiI1NzciLCJDb2xvciI6eyIkaWQiOiI1Nz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wLCJSIjoyNTUsIkciOjI1NSwiQiI6MjU1fX0sIklzVmlzaWJsZSI6dHJ1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wOCIsIlRvcCI6MC4wLCJMZWZ0IjowLjAsIlJpZ2h0IjowLjAsIkJvdHRvbSI6MC4wfSwiUGFkZGluZyI6eyIkaWQiOiI2MDkiLCJUb3AiOjAuMCwiTGVmdCI6MC4wLCJSaWdodCI6MC4wLCJCb3R0b20iOjAuMH0sIkJhY2tncm91bmQiOnsiJGlkIjoiNjEwIiwiQ29sb3IiOnsiJGlkIjoiNjExIiwiQSI6MCwiUiI6MjU1LCJHIjoyNTUsIkIiOjI1NX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5LCJGb250TmFtZSI6IkNhbGlicmkiLCJJc0JvbGQiOmZhbHNlLCJJc0l0YWxpYyI6ZmFsc2UsIklzVW5kZXJsaW5lZCI6ZmFsc2UsIlBhcmVudFN0eWxlIjpudWxsfSwiQXV0b1NpemUiOjAsIkZvcmVncm91bmQiOnsiJGlkIjoiNjE1IiwiQ29sb3IiOnsiJGlkIjoiNjE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MCwiUiI6MjU1LCJHIjoyNTUsIkIiOjI1NX19LCJJc1Zpc2libGUiOnRydWUsIldpZHRoIjowLjAsIkhlaWdodCI6MC4wLCJCb3JkZXJTdHlsZSI6eyIkaWQiOiI2NTkiLCJMaW5lQ29sb3IiOm51bGwsIkxpbmVXZWlnaHQiOjAuMCwiTGluZVR5cGUiOjAsIlBhcmVudFN0eWxlIjpudWxsfSwiUGFyZW50U3R5bGUiOm51bGx9LCJEYXRlRm9ybWF0Ijp7IiRpZCI6IjY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wLCJGb250TmFtZSI6IkNhbGlicmkiLCJJc0JvbGQiOnRydWUsIklzSXRhbGljIjpmYWxzZSwiSXNVbmRlcmxpbmVkIjpmYWxzZSwiUGFyZW50U3R5bGUiOm51bGx9LCJBdXRvU2l6ZSI6MCwiRm9yZWdyb3VuZCI6eyIkaWQiOiI2ODIiLCJDb2xvciI6eyIkaWQiOiI2O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ksIkZvbnROYW1lIjoiQ2FsaWJyaSIsIklzQm9sZCI6ZmFsc2UsIklzSXRhbGljIjpmYWxzZSwiSXNVbmRlcmxpbmVkIjpmYWxzZSwiUGFyZW50U3R5bGUiOm51bGx9LCJBdXRvU2l6ZSI6MCwiRm9yZWdyb3VuZCI6eyIkaWQiOiI2OTEiLCJDb2xvciI6eyIkaWQiOiI2O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yNTUsIkciOjI1NSwiQiI6MjU1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MCwiUiI6MjU1LCJHIjoyNTUsIkIiOjI1NX19LCJJc1Zpc2libGUiOnRydWUsIldpZHRoIjowLjAsIkhlaWdodCI6MC4wLCJCb3JkZXJTdHlsZSI6eyIkaWQiOiI3MzUiLCJMaW5lQ29sb3IiOm51bGwsIkxpbmVXZWlnaHQiOjAuMCwiTGluZVR5cGUiOjAsIlBhcmVudFN0eWxlIjpudWxsfSwiUGFyZW50U3R5bGUiOm51bGx9LCJEYXRlRm9ybWF0Ijp7IiRpZCI6Ijc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EYXRlRm9ybWF0Ijp7IiRpZCI6Ijc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CwiRm9udE5hbWUiOiJDYWxpYnJpIiwiSXNCb2xkIjp0cnVlLCJJc0l0YWxpYyI6ZmFsc2UsIklzVW5kZXJsaW5lZCI6ZmFsc2UsIlBhcmVudFN0eWxlIjpudWxsfSwiQXV0b1NpemUiOjAsIkZvcmVncm91bmQiOnsiJGlkIjoiODIzIiwiQ29sb3IiOnsiJGlkIjoiODI0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gyNSIsIlRvcCI6MC4wLCJMZWZ0IjowLjAsIlJpZ2h0IjowLjAsIkJvdHRvbSI6MC4wfSwiUGFkZGluZyI6eyIkaWQiOiI4MjYiLCJUb3AiOjAuMCwiTGVmdCI6MC4wLCJSaWdodCI6MC4wLCJCb3R0b20iOjAuMH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2LCJTcGFjaW5nIjoxMCwiSXNCZWxvd1RpbWViYW5kIjp0cnVlLCJQZXJjZW50YWdlQ29tcGxldGVTaGFwZU9wYWNpdHkiOjM1LCJCYXNlbGluZVN0eWxlIjp7IiRpZCI6Ijg3MCIsIlNoYXB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ksIkZvbnROYW1lIjoiQ2FsaWJyaSIsIklzQm9sZCI6ZmFsc2UsIklzSXRhbGljIjpmYWxzZSwiSXNVbmRlcmxpbmVkIjpmYWxzZSwiUGFyZW50U3R5bGUiOm51bGx9LCJBdXRvU2l6ZSI6MiwiRm9yZWdyb3VuZCI6eyIkaWQiOiI5NjIiLCJDb2xvciI6eyIkaWQiOiI5NjMiLCJBIjoyNTUsIlIiOjAsIkciOjAsIkIiOjB9fSwiTWF4V2lkdGgiOjY4LjUxNTEyMTQ1OTk2MDkzO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MCwiUiI6MjU1LCJHIjoyNTUsIkIiOjI1NX19LCJJc1Zpc2libGUiOnRydWUsIldpZHRoIjowLjAsIkhlaWdodCI6MC4wLCJCb3JkZXJTdHlsZSI6eyIkaWQiOiI5NjgiLCJMaW5lQ29sb3IiOm51bGwsIkxpbmVXZWlnaHQiOjAuMCwiTGluZVR5cGUiOjAsIlBhcmVudFN0eWxlIjpudWxsfSwiUGFyZW50U3R5bGUiOm51bGx9LCJEYXRlRm9ybWF0Ijp7IiRpZCI6Ijk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YsIlNwYWNpbmciOjEwLCJJc0JlbG93VGltZWJhbmQiOnRydWUsIlBlcmNlbnRhZ2VDb21wbGV0ZVNoYXBlT3BhY2l0eSI6MzUsIkJhc2VsaW5lU3R5bGUiOnsiJGlkIjoiMTAwMCIsIlNoYXB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xNTMsIlIiOjAsIkciOjAsIkIiOjB9fSwiSXNWaXNpYmxlIjp0cnVlLCJXaWR0aCI6MC4wLCJIZWlnaHQiOjAuMCwiQm9yZGVyU3R5bGUiOm51bGwsIlBhcmVudFN0eWxlIjpudWxsfS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yLCJGb250TmFtZSI6IkNhbGlicmkiLCJJc0JvbGQiOmZhbHNlLCJJc0l0YWxpYyI6ZmFsc2UsIklzVW5kZXJsaW5lZCI6ZmFsc2UsIlBhcmVudFN0eWxlIjpudWxsfSwiQXV0b1NpemUiOjAsIkZvcmVncm91bmQiOnsiJGlkIjoiMTE4MiIsIkNvbG9yIjp7IiRpZCI6IjExODM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kyLFwiR1wiOjgwLFwiQlwiOjc3fX0sXCJIb3Jpem9udGFsQWxpZ25tZW50XCI6MCxcIklzVmlzaWJsZVwiOnRydWV9LFwiVG9kYXlNYXJrZXJTdHlsZVwiOntcIiRpZFwiOlwiMTNcIixcIlRvZGF5VGV4dFN0eWxlXCI6e1wiJGlkXCI6XCIxNFwiLFwiRm9udFNldHRpbmdzXCI6e1wiJGlkXCI6XCIxNVwiLFwiRm9udFNpemVcIjoxMS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xOSxcIkdcIjowLFwiQlwiOjE3OH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NCxcIlNoYXBlVGhpY2tuZXNzXCI6Mi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wLFwiRW5kRGF0ZVBvc2l0aW9uXCI6MCxcIlRpdGxlUG9zaXRpb25cIjoyLFwiRHVyYXRpb25Qb3NpdGlvblwiOjEsXCJQZXJjZW50YWdlQ29tcGxldGVkUG9zaXRpb25cIjowLFwiU3BhY2luZ1wiOjEwLFwiSXNCZWxvd1RpbWViYW5kXCI6dHJ1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yOCxcIkdcIjowLFwiQlwiOjg5fX0sXCJJc1Zpc2libGVcIjp0cnVlLFwiV2lkdGhcIjowLjAsXCJIZWlnaHRcIjoyMi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IsXCJJc0JlbG93VGltZWJhbmRcIjpmYWxzZSxcIlNoYXBlU2l6ZVwiOjA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ksXCJGb250TmFtZVwiOlwiQ2FsaWJyaVwiLFwiSXNCb2xkXCI6ZmFsc2UsXCJJc0l0YWxpY1wiOmZhbHNlLFwiSXNVbmRlcmxpbmVkXCI6ZmFsc2V9LFwiRm9yZWdyb3VuZFwiOntcIiRpZFwiOlwiMTMyXCIsXCJDb2xvclwiOntcIiRpZFwiOlwiMTMzXCIsXCJBXCI6MjU1LFwiUlwiOjExNSxcIkdcIjoxMTUsXCJCXCI6MTE1fX0sXCJIb3Jpem9udGFsQWxpZ25tZW50XCI6MCxcIklzVmlzaWJsZVwiOnRydWV9LFwiRGF0ZUZvcm1hdFwiOntcIiRpZFwiOlwiMT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YzLFwiUlwiOjIyOCxcIkdcIjowLFwiQlwiOjg5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fSxcIkJhY2tncm91bmR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NyxcIlNoYXBlU2l6ZVwiOjE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M4IiwiVXNlVGltZSI6ZmFsc2UsIldvcmtEYXlTdGFydCI6IjAwOjAwOjAwIiwiV29ya0RheUVuZCI6IjIzOjU5OjAwIn0sIkxhc3RVc2VkVGVtcGxhdGVJZCI6ImMzNWQyNzg5LTMxNzgtNDI0OC04MDQ4LWRiMWZmMGVmYjM1YiIsIkxhc3RVc2VkVGhlbWVEZXRhaWxzIjp7IiRpZCI6IjEyMzkiLCJJZCI6IjA1MmRlZTc3LTU0ZjgtNDgyNy1iOTc4LWFiMWFmODFiODk4OSIsIlRpdGxlIjoiVW50aXRsZWQgdGhlbWUiLCJDYXRlZ29yeSI6Mn0sIkZpcnN0V2Vla09mWWVhciI6MCwiUGxhY2VNaWxlc3RvbmVBdFRoZUJlZ2lubmluZ09mVGhlRGF5IjpmYWxzZSwiRGVwZW5kZW5jeVNjaGVkdWxpbmdTZXR0aW5ncyI6eyIkaWQiOiIxMjQ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10-01T00:00:00.0000000Z"/>
  <p:tag name="OTLTIMEBANDENDDATE" val="2027-11-30T23:59:00.0000000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WORKINGDAYS" val="Al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SHAPETHICKNESSTYPE" val="Thick"/>
  <p:tag name="OTLDURATIONFORMAT" val="day"/>
  <p:tag name="OTLSTARTDATE" val="2025-09-08T00:00:00.0000000Z"/>
  <p:tag name="OTLBASELINESTARTDATE" val="2025-09-08T00:00:00.0000000"/>
  <p:tag name="OTLENDDATE" val="2025-11-06T23:59:00.0000000Z"/>
  <p:tag name="OTLBASELINEENDDATE" val="2025-11-06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SHAPETHICKNESSTYPE" val="Thick"/>
  <p:tag name="OTLDURATIONFORMAT" val="day"/>
  <p:tag name="OTLSTARTDATE" val="2025-10-20T00:00:00.0000000Z"/>
  <p:tag name="OTLENDDATE" val="2025-12-18T23:59:00.0000000Z"/>
  <p:tag name="OTLBASELINESTARTDATE" val="2025-10-20T00:00:00.0000000"/>
  <p:tag name="OTLBASELINEENDDATE" val="2025-12-18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5-10-31T00:00:00.0000000Z"/>
  <p:tag name="OTLBASELINESTARTDATE" val="2025-10-31T00:00:00.0000000"/>
  <p:tag name="OTLENDDATE" val="2025-12-29T23:59:00.0000000Z"/>
  <p:tag name="OTLBASELINEENDDATE" val="2025-12-29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6-01-05T00:00:00.0000000Z"/>
  <p:tag name="OTLBASELINESTARTDATE" val="2026-01-05T00:00:00.0000000"/>
  <p:tag name="OTLENDDATE" val="2026-03-05T23:59:00.0000000Z"/>
  <p:tag name="OTLBASELINEENDDATE" val="2026-03-05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6-01-15T00:00:00.0000000Z"/>
  <p:tag name="OTLBASELINESTARTDATE" val="2026-01-15T00:00:00.0000000"/>
  <p:tag name="OTLENDDATE" val="2026-03-15T23:59:00.0000000Z"/>
  <p:tag name="OTLBASELINEENDDATE" val="2026-03-15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6-01-30T00:00:00.0000000Z"/>
  <p:tag name="OTLBASELINESTARTDATE" val="2026-01-30T00:00:00.0000000"/>
  <p:tag name="OTLENDDATE" val="2026-03-30T23:59:00.0000000Z"/>
  <p:tag name="OTLBASELINEENDDATE" val="2026-03-30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23T00:00:00.0000000Z"/>
  <p:tag name="OTLENDDATE" val="2026-03-23T23:59:00.0000000Z"/>
  <p:tag name="OTLSPACING" val="10"/>
  <p:tag name="OTLSHAPETHICKNESSTYPE" val="Thick"/>
  <p:tag name="OTLBASELINESTARTDATE" val="2026-01-23T00:00:00.0000000"/>
  <p:tag name="OTLBASELINEENDDATE" val="2026-03-23T23:59:00.0000000"/>
  <p:tag name="OTLDURATIONFORMAT" val="day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4 Kick-off"/>
  <p:tag name="OTLDATE" val="2025-10-23T23:59:00.0000000"/>
  <p:tag name="OTLBASELINEDATE" val="2025-10-23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DI2023 Kick-off"/>
  <p:tag name="OTLBASELINEDATE" val="2025-12-15T23:59:00.0000000"/>
  <p:tag name="OTLDATE" val="2025-12-16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5 Kick-off"/>
  <p:tag name="OTLPOSITIONONTASK" val="None"/>
  <p:tag name="OTLRELATEDTASKID" val="00000000-0000-0000-0000-000000000000"/>
  <p:tag name="OTLDATE" val="2026-01-06T23:59:00.0000000"/>
  <p:tag name="OTLBASELINEDATE" val="2026-01-06T23:59:00.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6 Kick-off"/>
  <p:tag name="OTLPOSITIONONTASK" val="None"/>
  <p:tag name="OTLRELATEDTASKID" val="00000000-0000-0000-0000-000000000000"/>
  <p:tag name="OTLDATE" val="2026-01-20T23:59:00.0000000"/>
  <p:tag name="OTLBASELINEDATE" val="2026-01-20T23:59:00.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ERAS Kick-off"/>
  <p:tag name="OTLBASELINEDATE" val="2026-01-12T23:59:00.0000000"/>
  <p:tag name="OTLDATE" val="2026-01-13T23:59:00.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3 Kick-off"/>
  <p:tag name="OTLDATE" val="2025-10-14T23:59:00.0000000"/>
  <p:tag name="OTLBASELINEDATE" val="2025-10-14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2 Completion"/>
  <p:tag name="OTLDATE" val="2025-11-07T23:59:00.0000000"/>
  <p:tag name="OTLBASELINEDATE" val="2025-11-07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808DA9"/>
        </a:solidFill>
        <a:ln w="19050" cap="flat" cmpd="sng" algn="ctr">
          <a:noFill/>
          <a:prstDash val="solid"/>
          <a:miter lim="800000"/>
        </a:ln>
        <a:effectLst/>
        <a:scene3d>
          <a:camera prst="orthographicFront"/>
          <a:lightRig rig="balanced" dir="t">
            <a:rot lat="0" lon="0" rev="8700000"/>
          </a:lightRig>
        </a:scene3d>
        <a:sp3d>
          <a:bevelT w="165100" h="12700"/>
        </a:sp3d>
        <a:extLst>
          <a:ext uri="{91240B29-F687-4F45-9708-019B960494DF}">
            <a14:hiddenLine xmlns:a14="http://schemas.microsoft.com/office/drawing/2010/main" w="19050" cap="flat" cmpd="sng" algn="ctr">
              <a:solidFill>
                <a:schemeClr val="accent1">
                  <a:shade val="15000"/>
                </a:schemeClr>
              </a:solidFill>
              <a:prstDash val="solid"/>
              <a:miter lim="800000"/>
            </a14:hiddenLine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Metadata/LabelInfo.xml><?xml version="1.0" encoding="utf-8"?>
<clbl:labelList xmlns:clbl="http://schemas.microsoft.com/office/2020/mipLabelMetadata">
  <clbl:label id="{e9692091-66b8-45b5-9087-387cbcef98ca}" enabled="1" method="Privileged" siteId="{3230926a-71b7-4370-a137-197badc066a2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4786</TotalTime>
  <Words>123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odd Pence</dc:creator>
  <cp:lastModifiedBy>Todd Pence</cp:lastModifiedBy>
  <cp:revision>95</cp:revision>
  <dcterms:created xsi:type="dcterms:W3CDTF">2025-07-30T14:33:50Z</dcterms:created>
  <dcterms:modified xsi:type="dcterms:W3CDTF">2025-12-04T18:15:54Z</dcterms:modified>
</cp:coreProperties>
</file>